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rmelo/"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logo&#10;&#10;Automatisch gegenereerde beschrijving">
            <a:extLst>
              <a:ext uri="{FF2B5EF4-FFF2-40B4-BE49-F238E27FC236}">
                <a16:creationId xmlns:a16="http://schemas.microsoft.com/office/drawing/2014/main" id="{AE0C4401-3822-C253-AE81-EC8685FC873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9369" y="4538874"/>
            <a:ext cx="1627086" cy="212497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Graphics, logo&#10;&#10;Automatisch gegenereerde beschrijving">
            <a:extLst>
              <a:ext uri="{FF2B5EF4-FFF2-40B4-BE49-F238E27FC236}">
                <a16:creationId xmlns:a16="http://schemas.microsoft.com/office/drawing/2014/main" id="{CB88918A-5982-4353-388E-CCC97A47ABB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8168" y="3706620"/>
            <a:ext cx="1227699" cy="160337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01T08:36:52Z</dcterms:modified>
</cp:coreProperties>
</file>